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9月(10月1日現在)\"/>
    </mc:Choice>
  </mc:AlternateContent>
  <xr:revisionPtr revIDLastSave="0" documentId="13_ncr:1_{128F1BEB-69CE-4C98-91F8-65EF2BFFB06E}" xr6:coauthVersionLast="36" xr6:coauthVersionMax="43" xr10:uidLastSave="{00000000-0000-0000-0000-000000000000}"/>
  <bookViews>
    <workbookView xWindow="2685" yWindow="45" windowWidth="17025" windowHeight="12315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2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ウガンダ</t>
  </si>
  <si>
    <t>令和 4年 9月30日</t>
  </si>
  <si>
    <t>チェコ</t>
  </si>
  <si>
    <t>ポーランド</t>
  </si>
  <si>
    <t>ルーマニア</t>
  </si>
  <si>
    <t>セネガル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3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6</v>
      </c>
      <c r="E3" s="3" t="s">
        <v>63</v>
      </c>
    </row>
    <row r="4" spans="1:5" ht="21" x14ac:dyDescent="0.4">
      <c r="A4" s="4" t="s">
        <v>54</v>
      </c>
      <c r="D4" s="13" t="s">
        <v>55</v>
      </c>
      <c r="E4" s="3" t="s">
        <v>63</v>
      </c>
    </row>
    <row r="5" spans="1:5" ht="25.15" customHeight="1" x14ac:dyDescent="0.4">
      <c r="A5" s="5" t="s">
        <v>52</v>
      </c>
      <c r="B5" s="6" t="s">
        <v>49</v>
      </c>
      <c r="C5" s="9" t="s">
        <v>50</v>
      </c>
      <c r="D5" s="10" t="s">
        <v>51</v>
      </c>
      <c r="E5" s="5" t="s">
        <v>57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9</v>
      </c>
      <c r="C7" s="11">
        <v>6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97</v>
      </c>
      <c r="C12" s="11">
        <v>35</v>
      </c>
      <c r="D12" s="12">
        <v>62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20</v>
      </c>
      <c r="C14" s="11">
        <v>13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2</v>
      </c>
      <c r="D16" s="12">
        <v>2</v>
      </c>
      <c r="E16" s="7"/>
    </row>
    <row r="17" spans="1:5" ht="25.15" customHeight="1" x14ac:dyDescent="0.4">
      <c r="A17" s="7" t="s">
        <v>59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1</v>
      </c>
      <c r="C18" s="11">
        <v>9</v>
      </c>
      <c r="D18" s="12">
        <v>2</v>
      </c>
      <c r="E18" s="7"/>
    </row>
    <row r="19" spans="1:5" ht="25.15" customHeight="1" x14ac:dyDescent="0.4">
      <c r="A19" s="7" t="s">
        <v>12</v>
      </c>
      <c r="B19" s="8">
        <v>15</v>
      </c>
      <c r="C19" s="11">
        <v>5</v>
      </c>
      <c r="D19" s="12">
        <v>10</v>
      </c>
      <c r="E19" s="7"/>
    </row>
    <row r="20" spans="1:5" ht="25.15" customHeight="1" x14ac:dyDescent="0.4">
      <c r="A20" s="7" t="s">
        <v>13</v>
      </c>
      <c r="B20" s="8">
        <v>149</v>
      </c>
      <c r="C20" s="11">
        <v>69</v>
      </c>
      <c r="D20" s="12">
        <v>80</v>
      </c>
      <c r="E20" s="7"/>
    </row>
    <row r="21" spans="1:5" ht="25.15" customHeight="1" x14ac:dyDescent="0.4">
      <c r="A21" s="7" t="s">
        <v>14</v>
      </c>
      <c r="B21" s="8">
        <v>50</v>
      </c>
      <c r="C21" s="11">
        <v>23</v>
      </c>
      <c r="D21" s="12">
        <v>27</v>
      </c>
      <c r="E21" s="7"/>
    </row>
    <row r="22" spans="1:5" ht="25.15" customHeight="1" x14ac:dyDescent="0.4">
      <c r="A22" s="7" t="s">
        <v>61</v>
      </c>
      <c r="B22" s="8">
        <v>2</v>
      </c>
      <c r="C22" s="11">
        <v>1</v>
      </c>
      <c r="D22" s="12">
        <v>1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4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0</v>
      </c>
      <c r="C28" s="11">
        <v>51</v>
      </c>
      <c r="D28" s="12">
        <v>19</v>
      </c>
      <c r="E28" s="7"/>
    </row>
    <row r="29" spans="1:5" ht="25.15" customHeight="1" x14ac:dyDescent="0.4">
      <c r="A29" s="7" t="s">
        <v>20</v>
      </c>
      <c r="B29" s="8">
        <v>52</v>
      </c>
      <c r="C29" s="11">
        <v>41</v>
      </c>
      <c r="D29" s="12">
        <v>11</v>
      </c>
      <c r="E29" s="7"/>
    </row>
    <row r="30" spans="1:5" ht="25.15" customHeight="1" x14ac:dyDescent="0.4">
      <c r="A30" s="7" t="s">
        <v>60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6</v>
      </c>
      <c r="C36" s="11">
        <v>55</v>
      </c>
      <c r="D36" s="12">
        <v>41</v>
      </c>
      <c r="E36" s="7"/>
    </row>
    <row r="37" spans="1:5" ht="25.15" customHeight="1" x14ac:dyDescent="0.4">
      <c r="A37" s="7" t="s">
        <v>58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7</v>
      </c>
      <c r="B38" s="8">
        <v>4</v>
      </c>
      <c r="C38" s="11">
        <v>3</v>
      </c>
      <c r="D38" s="12">
        <v>1</v>
      </c>
      <c r="E38" s="7"/>
    </row>
    <row r="39" spans="1:5" ht="25.15" customHeight="1" x14ac:dyDescent="0.4">
      <c r="A39" s="7" t="s">
        <v>28</v>
      </c>
      <c r="B39" s="8">
        <v>9</v>
      </c>
      <c r="C39" s="11">
        <v>5</v>
      </c>
      <c r="D39" s="12">
        <v>4</v>
      </c>
      <c r="E39" s="7"/>
    </row>
    <row r="40" spans="1:5" ht="25.15" customHeight="1" x14ac:dyDescent="0.4">
      <c r="A40" s="7" t="s">
        <v>29</v>
      </c>
      <c r="B40" s="8">
        <v>3</v>
      </c>
      <c r="C40" s="11">
        <v>3</v>
      </c>
      <c r="D40" s="12">
        <v>0</v>
      </c>
      <c r="E40" s="7"/>
    </row>
    <row r="41" spans="1:5" ht="25.15" customHeight="1" x14ac:dyDescent="0.4">
      <c r="A41" s="7" t="s">
        <v>30</v>
      </c>
      <c r="B41" s="8">
        <v>16</v>
      </c>
      <c r="C41" s="11">
        <v>10</v>
      </c>
      <c r="D41" s="12">
        <v>6</v>
      </c>
      <c r="E41" s="7"/>
    </row>
    <row r="42" spans="1:5" ht="25.15" customHeight="1" x14ac:dyDescent="0.4">
      <c r="A42" s="7" t="s">
        <v>31</v>
      </c>
      <c r="B42" s="8">
        <v>7</v>
      </c>
      <c r="C42" s="11">
        <v>5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1</v>
      </c>
      <c r="D43" s="12">
        <v>0</v>
      </c>
      <c r="E43" s="7"/>
    </row>
    <row r="44" spans="1:5" ht="25.15" customHeight="1" x14ac:dyDescent="0.4">
      <c r="A44" s="7" t="s">
        <v>33</v>
      </c>
      <c r="B44" s="8">
        <v>64</v>
      </c>
      <c r="C44" s="11">
        <v>29</v>
      </c>
      <c r="D44" s="12">
        <v>35</v>
      </c>
      <c r="E44" s="7"/>
    </row>
    <row r="45" spans="1:5" ht="25.15" customHeight="1" x14ac:dyDescent="0.4">
      <c r="A45" s="7" t="s">
        <v>34</v>
      </c>
      <c r="B45" s="8">
        <v>348</v>
      </c>
      <c r="C45" s="11">
        <v>149</v>
      </c>
      <c r="D45" s="12">
        <v>199</v>
      </c>
      <c r="E45" s="7"/>
    </row>
    <row r="46" spans="1:5" ht="25.15" customHeight="1" x14ac:dyDescent="0.4">
      <c r="A46" s="7" t="s">
        <v>65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6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7</v>
      </c>
      <c r="B50" s="8">
        <v>9</v>
      </c>
      <c r="C50" s="11">
        <v>2</v>
      </c>
      <c r="D50" s="12">
        <v>7</v>
      </c>
      <c r="E50" s="7"/>
    </row>
    <row r="51" spans="1:5" ht="25.15" customHeight="1" x14ac:dyDescent="0.4">
      <c r="A51" s="7" t="s">
        <v>38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7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9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0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1</v>
      </c>
      <c r="B55" s="8">
        <v>7</v>
      </c>
      <c r="C55" s="11">
        <v>3</v>
      </c>
      <c r="D55" s="12">
        <v>4</v>
      </c>
      <c r="E55" s="7"/>
    </row>
    <row r="56" spans="1:5" ht="25.15" customHeight="1" x14ac:dyDescent="0.4">
      <c r="A56" s="7" t="s">
        <v>42</v>
      </c>
      <c r="B56" s="8">
        <v>25</v>
      </c>
      <c r="C56" s="11">
        <v>14</v>
      </c>
      <c r="D56" s="12">
        <v>11</v>
      </c>
      <c r="E56" s="7"/>
    </row>
    <row r="57" spans="1:5" ht="25.15" customHeight="1" x14ac:dyDescent="0.4">
      <c r="A57" s="7" t="s">
        <v>62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43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4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5</v>
      </c>
      <c r="B60" s="8">
        <v>465</v>
      </c>
      <c r="C60" s="11">
        <v>356</v>
      </c>
      <c r="D60" s="12">
        <v>109</v>
      </c>
      <c r="E60" s="7"/>
    </row>
    <row r="61" spans="1:5" ht="25.15" customHeight="1" x14ac:dyDescent="0.4">
      <c r="A61" s="7" t="s">
        <v>46</v>
      </c>
      <c r="B61" s="8">
        <v>5</v>
      </c>
      <c r="C61" s="11">
        <v>3</v>
      </c>
      <c r="D61" s="12">
        <v>2</v>
      </c>
      <c r="E61" s="7"/>
    </row>
    <row r="62" spans="1:5" ht="25.15" customHeight="1" x14ac:dyDescent="0.4">
      <c r="A62" s="7" t="s">
        <v>47</v>
      </c>
      <c r="B62" s="8">
        <v>161</v>
      </c>
      <c r="C62" s="11">
        <v>124</v>
      </c>
      <c r="D62" s="12">
        <v>37</v>
      </c>
      <c r="E62" s="7"/>
    </row>
    <row r="63" spans="1:5" ht="25.15" customHeight="1" x14ac:dyDescent="0.4">
      <c r="A63" s="7" t="s">
        <v>48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49</v>
      </c>
      <c r="B67" s="8">
        <v>1789</v>
      </c>
      <c r="C67" s="8">
        <v>1073</v>
      </c>
      <c r="D67" s="8">
        <v>716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10-04T07:04:09Z</dcterms:modified>
</cp:coreProperties>
</file>